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69" r:id="rId2"/>
    <p:sldId id="256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2" d="100"/>
          <a:sy n="102" d="100"/>
        </p:scale>
        <p:origin x="120" y="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4CBC1D-E962-4141-9CF8-4643032F738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31E5D2B-61BF-4525-BD60-75DD9D4FBE1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22CF5F-DF39-4D7C-8A76-513A65CD04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F31D6C4-A9EA-4FF4-A31B-DBBDEF25F0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966813E-40F9-423D-ACF0-6FCA535CE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77554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03251-1E99-435D-89F7-B5D2DFCD9D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2236FA8-9683-4910-B689-05C89B2DB63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CDD5DB-DC49-4651-ADD5-9A34CDA6FA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27EA182-6C99-4CD9-A6F7-09D715A2B2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EFC58BB-A874-4011-90DE-8FFE74DFC0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5968537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B8B51CA-A380-4A3A-B17C-39D3AE7C1EE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84EDDCF-C216-4252-8523-B7B0BA459C9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741F6D4-BBF6-4603-8D26-F72E838014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BA9C981-6DF6-4A8B-83A9-9208AD0567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E14C5E-7230-4A48-9B3F-191ABCAB5A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000607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EF627A-B3A1-452A-875C-1EA055072D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ADFC18D-3290-4799-B0B4-9753046767A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10A53F-23DA-46DE-A200-5ECE35EEC9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DCCB7C9-CB6F-460E-94BC-845E52C561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5BAA95-DDE7-4CC2-A517-AFBAB698FA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180812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6148E9-27D9-4CF7-82FC-796D1C1467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F7A229-2C77-482D-BF7A-7BFE1DB9789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799743-B194-4C58-8498-B57608F414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BE452BF-BC8D-4C6F-A217-43A2E89A35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C126608-7E36-4ADB-890A-ABCB91473E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480360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5B38BA-847F-4E37-9AEC-1480AE2A65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CBF0E9-96FC-4F24-8C34-D43D3A29C3D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AA1F233-AE56-491E-8CB9-21242F1ACB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BF9FC0F-BF78-4B89-B9C6-DCEFB702F0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426C984-BB29-4EB4-93E1-F789A60350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B1D0E3B-415E-4BC8-9C3C-B4E8F45067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2141047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4C39E2D-21E2-4CC5-A5F3-9BE8F04F0F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6F62648-B6AF-4B84-8E17-CF9F9228FB3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BA6DC93-9EA9-491A-99CD-1B38C3D3EE4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0EC0477-B3A9-4426-837F-24550FFDEC3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FF20B8C-C0CC-4842-B1B9-B24DC51B3D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253EEF8-B5C7-435E-88C2-1451E6B479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1A675CD-F62B-4522-99C9-58C8F3DD9E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A9B4859-95A2-44F4-B93B-D2453EAD24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07013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BBF577-FF98-4021-933B-A670A034C0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1ACFE57-DE43-4A32-9DAE-39F367C474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35D917B-CD82-440D-8059-A58C5A6A01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530BF8B-E155-4CAB-88A2-F285F88088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194759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2B52ABF-B39A-4C6C-B738-1770DAC07C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8BABC26-6953-4AEF-B155-0E2F2FC289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48ED83D-03B3-4CA4-A347-7FFC681957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168951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1D8EFE-98A3-4FFA-A350-AA68C02C1D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E27148F-7766-4CEF-87C7-A00945F843C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12A71E0-7877-4D17-9EAC-5255940AF02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482DF25-589B-4BA4-9770-DFF3FDCA55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861A2E-025B-4953-8E6A-E8FE129638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E04EF35-A303-4758-85BF-FA2398FB3F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3365354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C0F41C-C8C8-496D-AD1B-99D314801A5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FC9B6A1-4C54-4914-81C2-40AA5486252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1819C1-12FB-474D-9B7D-2665589F6EA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6F8105A-5311-4141-A4F4-0E9E6E390B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27CC4CE-F78E-4290-BCD5-A88C27EE76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63EB65D-2297-4854-80B5-A30349011F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044398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848EA18-6722-4E8D-983E-CAB1D37284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7417C0F-4EFB-4108-8F0D-04CE5509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5E15C3-4625-4060-B61A-3EA8BB82881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F9E663-9F17-4632-8314-EDB964AD57D7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7E179D-F427-44CA-8C8D-C874E7BE22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524E2A8-B930-4BB7-A700-3447CCB52A1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6A40595-4E15-4636-85F2-639A3259803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104710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90646333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2441A826-0FDA-4579-9013-AC27040660E7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3954" y="25629"/>
            <a:ext cx="455253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CE0CB79D-6BBE-4FDB-9FA9-C6EFFBE76E86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3954" y="25629"/>
            <a:ext cx="455253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2</a:t>
            </a:r>
          </a:p>
        </p:txBody>
      </p:sp>
      <p:cxnSp>
        <p:nvCxnSpPr>
          <p:cNvPr id="17" name="OTLSHAPE_T_0571764d832c4c17b9661d9d32209f65_LeftVerticalConnector1">
            <a:extLst>
              <a:ext uri="{FF2B5EF4-FFF2-40B4-BE49-F238E27FC236}">
                <a16:creationId xmlns:a16="http://schemas.microsoft.com/office/drawing/2014/main" id="{88226739-C33C-4CE9-8A02-1A4CEE78676D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192555" y="21717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0571764d832c4c17b9661d9d32209f65_LeftVerticalConnector2">
            <a:extLst>
              <a:ext uri="{FF2B5EF4-FFF2-40B4-BE49-F238E27FC236}">
                <a16:creationId xmlns:a16="http://schemas.microsoft.com/office/drawing/2014/main" id="{4CC35CE0-3086-4982-8E17-76FF05710A9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192555" y="2489200"/>
            <a:ext cx="0" cy="28600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0571764d832c4c17b9661d9d32209f65_RightVerticalConnector1">
            <a:extLst>
              <a:ext uri="{FF2B5EF4-FFF2-40B4-BE49-F238E27FC236}">
                <a16:creationId xmlns:a16="http://schemas.microsoft.com/office/drawing/2014/main" id="{2E6242B0-9F23-4390-A6BA-48B02F56EB5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979997" y="2171700"/>
            <a:ext cx="0" cy="381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0571764d832c4c17b9661d9d32209f65_RightVerticalConnector2">
            <a:extLst>
              <a:ext uri="{FF2B5EF4-FFF2-40B4-BE49-F238E27FC236}">
                <a16:creationId xmlns:a16="http://schemas.microsoft.com/office/drawing/2014/main" id="{046B48EB-4C89-4ED5-98AC-76998138194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979997" y="280670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0571764d832c4c17b9661d9d32209f65_RightVerticalConnector3">
            <a:extLst>
              <a:ext uri="{FF2B5EF4-FFF2-40B4-BE49-F238E27FC236}">
                <a16:creationId xmlns:a16="http://schemas.microsoft.com/office/drawing/2014/main" id="{FB6CF0B2-A109-44C2-A39B-FDD9102D23E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979997" y="305562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0571764d832c4c17b9661d9d32209f65_RightVerticalConnector4">
            <a:extLst>
              <a:ext uri="{FF2B5EF4-FFF2-40B4-BE49-F238E27FC236}">
                <a16:creationId xmlns:a16="http://schemas.microsoft.com/office/drawing/2014/main" id="{30736F2C-95BF-481C-B8FD-BF91BCBB731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979997" y="3373120"/>
            <a:ext cx="0" cy="197612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84a1a4c93944062bead284b0de7149c_LeftVerticalConnector1" hidden="1">
            <a:extLst>
              <a:ext uri="{FF2B5EF4-FFF2-40B4-BE49-F238E27FC236}">
                <a16:creationId xmlns:a16="http://schemas.microsoft.com/office/drawing/2014/main" id="{75CF90BA-DC5F-4AFE-AFC3-24D07E209AB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192555" y="2489200"/>
            <a:ext cx="0" cy="28600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184a1a4c93944062bead284b0de7149c_RightVerticalConnector1">
            <a:extLst>
              <a:ext uri="{FF2B5EF4-FFF2-40B4-BE49-F238E27FC236}">
                <a16:creationId xmlns:a16="http://schemas.microsoft.com/office/drawing/2014/main" id="{525ECDEF-6BB1-43EE-A009-6A04EB883FB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950985" y="248920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184a1a4c93944062bead284b0de7149c_RightVerticalConnector2">
            <a:extLst>
              <a:ext uri="{FF2B5EF4-FFF2-40B4-BE49-F238E27FC236}">
                <a16:creationId xmlns:a16="http://schemas.microsoft.com/office/drawing/2014/main" id="{4D3B3A54-F883-4FE6-8990-9CA0167DB45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950985" y="2738120"/>
            <a:ext cx="0" cy="261112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1e86c6ce99d48548762ba4a0caf8d75_LeftVerticalConnector1">
            <a:extLst>
              <a:ext uri="{FF2B5EF4-FFF2-40B4-BE49-F238E27FC236}">
                <a16:creationId xmlns:a16="http://schemas.microsoft.com/office/drawing/2014/main" id="{0A8A41D2-449B-407A-9AFA-313EAB6ED5E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018666" y="2806700"/>
            <a:ext cx="0" cy="25425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91e86c6ce99d48548762ba4a0caf8d75_RightVerticalConnector1" hidden="1">
            <a:extLst>
              <a:ext uri="{FF2B5EF4-FFF2-40B4-BE49-F238E27FC236}">
                <a16:creationId xmlns:a16="http://schemas.microsoft.com/office/drawing/2014/main" id="{A344399B-EC05-49CF-BF2E-BCDDA74085C3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979997" y="2806700"/>
            <a:ext cx="0" cy="1320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91e86c6ce99d48548762ba4a0caf8d75_RightVerticalConnector2" hidden="1">
            <a:extLst>
              <a:ext uri="{FF2B5EF4-FFF2-40B4-BE49-F238E27FC236}">
                <a16:creationId xmlns:a16="http://schemas.microsoft.com/office/drawing/2014/main" id="{A85A4A0A-6A98-42FD-A25F-F9B4C2847FC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979997" y="3055620"/>
            <a:ext cx="0" cy="2006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91e86c6ce99d48548762ba4a0caf8d75_RightVerticalConnector3" hidden="1">
            <a:extLst>
              <a:ext uri="{FF2B5EF4-FFF2-40B4-BE49-F238E27FC236}">
                <a16:creationId xmlns:a16="http://schemas.microsoft.com/office/drawing/2014/main" id="{0413E06C-730D-4448-98C6-EB0506474F0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979997" y="3373120"/>
            <a:ext cx="0" cy="197612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1b1aad66eebe4b74824324b84f38222b_LeftVerticalConnector1">
            <a:extLst>
              <a:ext uri="{FF2B5EF4-FFF2-40B4-BE49-F238E27FC236}">
                <a16:creationId xmlns:a16="http://schemas.microsoft.com/office/drawing/2014/main" id="{120ED6C1-19FC-4420-BCFD-39D7783C65B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047678" y="31242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1b1aad66eebe4b74824324b84f38222b_LeftVerticalConnector2">
            <a:extLst>
              <a:ext uri="{FF2B5EF4-FFF2-40B4-BE49-F238E27FC236}">
                <a16:creationId xmlns:a16="http://schemas.microsoft.com/office/drawing/2014/main" id="{4C810F6E-3DB9-4A15-B608-1C617043E9D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047678" y="3441700"/>
            <a:ext cx="0" cy="19075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1b1aad66eebe4b74824324b84f38222b_RightVerticalConnector1">
            <a:extLst>
              <a:ext uri="{FF2B5EF4-FFF2-40B4-BE49-F238E27FC236}">
                <a16:creationId xmlns:a16="http://schemas.microsoft.com/office/drawing/2014/main" id="{F2216CBF-47B5-49CE-A674-67629364C7E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941375" y="3124200"/>
            <a:ext cx="0" cy="4495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1b1aad66eebe4b74824324b84f38222b_RightVerticalConnector2">
            <a:extLst>
              <a:ext uri="{FF2B5EF4-FFF2-40B4-BE49-F238E27FC236}">
                <a16:creationId xmlns:a16="http://schemas.microsoft.com/office/drawing/2014/main" id="{14B38A43-A861-479E-A1BB-B77C7AA2433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941375" y="369062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1b1aad66eebe4b74824324b84f38222b_RightVerticalConnector3">
            <a:extLst>
              <a:ext uri="{FF2B5EF4-FFF2-40B4-BE49-F238E27FC236}">
                <a16:creationId xmlns:a16="http://schemas.microsoft.com/office/drawing/2014/main" id="{91678D28-D49D-4488-828D-CCC23BC8EFE2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941375" y="4008120"/>
            <a:ext cx="0" cy="134112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7149c3a188b944c8a7174d2bb76898c8_LeftVerticalConnector1" hidden="1">
            <a:extLst>
              <a:ext uri="{FF2B5EF4-FFF2-40B4-BE49-F238E27FC236}">
                <a16:creationId xmlns:a16="http://schemas.microsoft.com/office/drawing/2014/main" id="{C37BD7DD-21D2-44E3-9086-122C28DF8D8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047678" y="3441700"/>
            <a:ext cx="0" cy="1907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7149c3a188b944c8a7174d2bb76898c8_RightVerticalConnector1">
            <a:extLst>
              <a:ext uri="{FF2B5EF4-FFF2-40B4-BE49-F238E27FC236}">
                <a16:creationId xmlns:a16="http://schemas.microsoft.com/office/drawing/2014/main" id="{426BA691-CDB5-4FE2-A298-78646EE75A1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859235" y="3441700"/>
            <a:ext cx="0" cy="19075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a58d027968cf4916b27c9154731ca416_LeftVerticalConnector1">
            <a:extLst>
              <a:ext uri="{FF2B5EF4-FFF2-40B4-BE49-F238E27FC236}">
                <a16:creationId xmlns:a16="http://schemas.microsoft.com/office/drawing/2014/main" id="{D1BDD78B-E733-450D-92D7-87269EE99A2E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009056" y="37592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a58d027968cf4916b27c9154731ca416_LeftVerticalConnector2">
            <a:extLst>
              <a:ext uri="{FF2B5EF4-FFF2-40B4-BE49-F238E27FC236}">
                <a16:creationId xmlns:a16="http://schemas.microsoft.com/office/drawing/2014/main" id="{416EC7F7-9806-43E0-A679-B6B54A644FF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009056" y="4076700"/>
            <a:ext cx="0" cy="12725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a58d027968cf4916b27c9154731ca416_RightVerticalConnector1">
            <a:extLst>
              <a:ext uri="{FF2B5EF4-FFF2-40B4-BE49-F238E27FC236}">
                <a16:creationId xmlns:a16="http://schemas.microsoft.com/office/drawing/2014/main" id="{403624DE-76FC-4CF1-920E-9A32F27002D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429317" y="37592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a58d027968cf4916b27c9154731ca416_RightVerticalConnector2">
            <a:extLst>
              <a:ext uri="{FF2B5EF4-FFF2-40B4-BE49-F238E27FC236}">
                <a16:creationId xmlns:a16="http://schemas.microsoft.com/office/drawing/2014/main" id="{F1FBC0EC-BECE-4038-BF6A-9F0EE331844C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429317" y="4076700"/>
            <a:ext cx="0" cy="13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a58d027968cf4916b27c9154731ca416_RightVerticalConnector3">
            <a:extLst>
              <a:ext uri="{FF2B5EF4-FFF2-40B4-BE49-F238E27FC236}">
                <a16:creationId xmlns:a16="http://schemas.microsoft.com/office/drawing/2014/main" id="{1BAD16F2-99FB-4D8C-A518-1981413A14D5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429317" y="4325620"/>
            <a:ext cx="0" cy="2006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a58d027968cf4916b27c9154731ca416_RightVerticalConnector4">
            <a:extLst>
              <a:ext uri="{FF2B5EF4-FFF2-40B4-BE49-F238E27FC236}">
                <a16:creationId xmlns:a16="http://schemas.microsoft.com/office/drawing/2014/main" id="{4619F59A-6186-424B-B03A-FAE010DEA633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429317" y="4643120"/>
            <a:ext cx="0" cy="70612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4db08bf0b0cb4f95a5a88e647975f119_LeftVerticalConnector1" hidden="1">
            <a:extLst>
              <a:ext uri="{FF2B5EF4-FFF2-40B4-BE49-F238E27FC236}">
                <a16:creationId xmlns:a16="http://schemas.microsoft.com/office/drawing/2014/main" id="{8188779C-8396-43AE-B3E8-7550DDAF6D1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009056" y="4076700"/>
            <a:ext cx="0" cy="1272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4db08bf0b0cb4f95a5a88e647975f119_RightVerticalConnector1" hidden="1">
            <a:extLst>
              <a:ext uri="{FF2B5EF4-FFF2-40B4-BE49-F238E27FC236}">
                <a16:creationId xmlns:a16="http://schemas.microsoft.com/office/drawing/2014/main" id="{8718375C-B1ED-4530-9940-C1C49482C06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429317" y="4076700"/>
            <a:ext cx="0" cy="13208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4db08bf0b0cb4f95a5a88e647975f119_RightVerticalConnector2" hidden="1">
            <a:extLst>
              <a:ext uri="{FF2B5EF4-FFF2-40B4-BE49-F238E27FC236}">
                <a16:creationId xmlns:a16="http://schemas.microsoft.com/office/drawing/2014/main" id="{9337A1D5-2749-4552-BBDD-2B884C81667C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429317" y="4325620"/>
            <a:ext cx="0" cy="2006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4db08bf0b0cb4f95a5a88e647975f119_RightVerticalConnector3" hidden="1">
            <a:extLst>
              <a:ext uri="{FF2B5EF4-FFF2-40B4-BE49-F238E27FC236}">
                <a16:creationId xmlns:a16="http://schemas.microsoft.com/office/drawing/2014/main" id="{03C5C23C-CAF3-4694-A68B-A6D6E2F52751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429317" y="4643120"/>
            <a:ext cx="0" cy="70612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adf970c834164544b38fe42dc1844a75_LeftVerticalConnector1">
            <a:extLst>
              <a:ext uri="{FF2B5EF4-FFF2-40B4-BE49-F238E27FC236}">
                <a16:creationId xmlns:a16="http://schemas.microsoft.com/office/drawing/2014/main" id="{2A24086C-8000-4270-8875-750A970C4F78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496998" y="439420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adf970c834164544b38fe42dc1844a75_LeftVerticalConnector2">
            <a:extLst>
              <a:ext uri="{FF2B5EF4-FFF2-40B4-BE49-F238E27FC236}">
                <a16:creationId xmlns:a16="http://schemas.microsoft.com/office/drawing/2014/main" id="{45E43FDF-C95A-42C8-B980-6C8E3B3F1A61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496998" y="4711700"/>
            <a:ext cx="0" cy="6375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adf970c834164544b38fe42dc1844a75_RightVerticalConnector1">
            <a:extLst>
              <a:ext uri="{FF2B5EF4-FFF2-40B4-BE49-F238E27FC236}">
                <a16:creationId xmlns:a16="http://schemas.microsoft.com/office/drawing/2014/main" id="{510356F3-016D-4ECB-86BD-3A2BC38D7C58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11202300" y="4394200"/>
            <a:ext cx="0" cy="49784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adf970c834164544b38fe42dc1844a75_RightVerticalConnector2">
            <a:extLst>
              <a:ext uri="{FF2B5EF4-FFF2-40B4-BE49-F238E27FC236}">
                <a16:creationId xmlns:a16="http://schemas.microsoft.com/office/drawing/2014/main" id="{1C69F789-785D-4A64-BB79-8AD9738D2CEF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1202300" y="514604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48d7d5ff336d462fbe074aacd41fced8_LeftVerticalConnector1" hidden="1">
            <a:extLst>
              <a:ext uri="{FF2B5EF4-FFF2-40B4-BE49-F238E27FC236}">
                <a16:creationId xmlns:a16="http://schemas.microsoft.com/office/drawing/2014/main" id="{87CB7E4A-C26F-4B45-ADBE-8F6986D5C799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8496998" y="4711700"/>
            <a:ext cx="0" cy="63754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48d7d5ff336d462fbe074aacd41fced8_RightVerticalConnector1">
            <a:extLst>
              <a:ext uri="{FF2B5EF4-FFF2-40B4-BE49-F238E27FC236}">
                <a16:creationId xmlns:a16="http://schemas.microsoft.com/office/drawing/2014/main" id="{5F7FABD0-B1DC-49F2-A954-3473F5724256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714358" y="4711700"/>
            <a:ext cx="0" cy="24892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48d7d5ff336d462fbe074aacd41fced8_RightVerticalConnector2">
            <a:extLst>
              <a:ext uri="{FF2B5EF4-FFF2-40B4-BE49-F238E27FC236}">
                <a16:creationId xmlns:a16="http://schemas.microsoft.com/office/drawing/2014/main" id="{95E17076-5231-45B7-B58F-CD2496C38B9C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9714358" y="5077460"/>
            <a:ext cx="0" cy="2717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d1507011f0e3474ea5ec992b59f05503_LeftVerticalConnector1">
            <a:extLst>
              <a:ext uri="{FF2B5EF4-FFF2-40B4-BE49-F238E27FC236}">
                <a16:creationId xmlns:a16="http://schemas.microsoft.com/office/drawing/2014/main" id="{FD704328-B9E0-40B1-9E27-6D9E9C6FA687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9782039" y="514604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_d1507011f0e3474ea5ec992b59f05503_RightVerticalConnector1" hidden="1">
            <a:extLst>
              <a:ext uri="{FF2B5EF4-FFF2-40B4-BE49-F238E27FC236}">
                <a16:creationId xmlns:a16="http://schemas.microsoft.com/office/drawing/2014/main" id="{32CE29F6-74DB-464E-A853-B10545675123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1202300" y="514604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EF3890B-E050-4430-99FC-E268873EABC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22020" y="5349240"/>
            <a:ext cx="10350500" cy="381000"/>
          </a:xfrm>
          <a:prstGeom prst="rect">
            <a:avLst/>
          </a:prstGeom>
          <a:solidFill>
            <a:srgbClr val="B2B2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A6229CE3-0EFF-45FA-8CAD-CB68F050FDB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22020" y="5349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59137D0F-09E3-458D-A983-2420E601F44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67591" y="573024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D746B092-6A7A-4BB3-A2B8-470E676301B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-191971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694FE6E-A522-422D-B2FA-A9B6D91586F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85520" y="5466715"/>
            <a:ext cx="198772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8">
                <a:solidFill>
                  <a:schemeClr val="dk1"/>
                </a:solidFill>
                <a:latin typeface="Arial" panose="020B0604020202020204" pitchFamily="34" charset="0"/>
              </a:rPr>
              <a:t>Apr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AD7831F2-AB1F-4A32-A24C-0C206BC1884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014532" y="5466715"/>
            <a:ext cx="242054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>
                <a:solidFill>
                  <a:schemeClr val="dk1"/>
                </a:solidFill>
                <a:latin typeface="Arial" panose="020B0604020202020204" pitchFamily="34" charset="0"/>
              </a:rPr>
              <a:t>May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D75C598-CA9F-4E7E-A3E7-50953D704B1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111178" y="5466715"/>
            <a:ext cx="205184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6">
                <a:solidFill>
                  <a:schemeClr val="dk1"/>
                </a:solidFill>
                <a:latin typeface="Arial" panose="020B0604020202020204" pitchFamily="34" charset="0"/>
              </a:rPr>
              <a:t>Jun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766AD358-A598-4A9B-9F82-C382E9E09B7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140190" y="5466715"/>
            <a:ext cx="15658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8">
                <a:solidFill>
                  <a:schemeClr val="dk1"/>
                </a:solidFill>
                <a:latin typeface="Arial" panose="020B0604020202020204" pitchFamily="34" charset="0"/>
              </a:rPr>
              <a:t>Jul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F4C96C5E-473C-4698-8185-DA5D69A5260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236835" y="5466715"/>
            <a:ext cx="226024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6">
                <a:solidFill>
                  <a:schemeClr val="dk1"/>
                </a:solidFill>
                <a:latin typeface="Arial" panose="020B0604020202020204" pitchFamily="34" charset="0"/>
              </a:rPr>
              <a:t>Aug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0AEA502E-9C20-4F39-B73C-9E68A44C4F35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2951031" y="541274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0BBEF581-C9F4-4E60-AE32-4EB38B996082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5047677" y="541274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C302CA7A-BC93-4E9D-B07F-F352DBA3561E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7076689" y="541274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EB9DCAE-5EE6-43E5-9D45-2F9AF6A7A44D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9173335" y="5412740"/>
            <a:ext cx="0" cy="2540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T_0571764d832c4c17b9661d9d32209f65_Shape">
            <a:extLst>
              <a:ext uri="{FF2B5EF4-FFF2-40B4-BE49-F238E27FC236}">
                <a16:creationId xmlns:a16="http://schemas.microsoft.com/office/drawing/2014/main" id="{CCF45781-8272-432A-AC79-445047D7767F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192555" y="1917700"/>
            <a:ext cx="3797300" cy="254000"/>
          </a:xfrm>
          <a:prstGeom prst="rect">
            <a:avLst/>
          </a:prstGeom>
          <a:solidFill>
            <a:srgbClr val="589AD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" name="OTLSHAPE_T_184a1a4c93944062bead284b0de7149c_Shape">
            <a:extLst>
              <a:ext uri="{FF2B5EF4-FFF2-40B4-BE49-F238E27FC236}">
                <a16:creationId xmlns:a16="http://schemas.microsoft.com/office/drawing/2014/main" id="{C06E3D23-E479-47D5-8196-8303472B55A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192555" y="2235200"/>
            <a:ext cx="1765300" cy="254000"/>
          </a:xfrm>
          <a:prstGeom prst="rect">
            <a:avLst/>
          </a:prstGeom>
          <a:solidFill>
            <a:srgbClr val="589AD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T_91e86c6ce99d48548762ba4a0caf8d75_Shape">
            <a:extLst>
              <a:ext uri="{FF2B5EF4-FFF2-40B4-BE49-F238E27FC236}">
                <a16:creationId xmlns:a16="http://schemas.microsoft.com/office/drawing/2014/main" id="{50DCFCC6-210B-42B8-9E4A-15FD51FAA7E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018666" y="2552700"/>
            <a:ext cx="1968500" cy="254000"/>
          </a:xfrm>
          <a:prstGeom prst="rect">
            <a:avLst/>
          </a:prstGeom>
          <a:solidFill>
            <a:srgbClr val="589AD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T_1b1aad66eebe4b74824324b84f38222b_Shape">
            <a:extLst>
              <a:ext uri="{FF2B5EF4-FFF2-40B4-BE49-F238E27FC236}">
                <a16:creationId xmlns:a16="http://schemas.microsoft.com/office/drawing/2014/main" id="{72A61C45-6DA0-48C8-8EB2-D3AE94BBE77E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047678" y="2870200"/>
            <a:ext cx="19050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T_7149c3a188b944c8a7174d2bb76898c8_Shape">
            <a:extLst>
              <a:ext uri="{FF2B5EF4-FFF2-40B4-BE49-F238E27FC236}">
                <a16:creationId xmlns:a16="http://schemas.microsoft.com/office/drawing/2014/main" id="{E76C9F17-CAA1-45A9-B234-841E23CB4902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047678" y="3187700"/>
            <a:ext cx="8128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T_a58d027968cf4916b27c9154731ca416_Shape">
            <a:extLst>
              <a:ext uri="{FF2B5EF4-FFF2-40B4-BE49-F238E27FC236}">
                <a16:creationId xmlns:a16="http://schemas.microsoft.com/office/drawing/2014/main" id="{82FB98C5-32F5-4461-99E5-49CCB556FB00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009056" y="3505200"/>
            <a:ext cx="1422400" cy="254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T_4db08bf0b0cb4f95a5a88e647975f119_Shape">
            <a:extLst>
              <a:ext uri="{FF2B5EF4-FFF2-40B4-BE49-F238E27FC236}">
                <a16:creationId xmlns:a16="http://schemas.microsoft.com/office/drawing/2014/main" id="{3029D1A3-DED9-4F98-A5A9-6D45A99CD923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009056" y="3822700"/>
            <a:ext cx="1422400" cy="254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T_adf970c834164544b38fe42dc1844a75_Shape">
            <a:extLst>
              <a:ext uri="{FF2B5EF4-FFF2-40B4-BE49-F238E27FC236}">
                <a16:creationId xmlns:a16="http://schemas.microsoft.com/office/drawing/2014/main" id="{2EC03AC8-0126-483A-A128-894E2473C46D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496998" y="4140200"/>
            <a:ext cx="2717800" cy="254000"/>
          </a:xfrm>
          <a:prstGeom prst="rect">
            <a:avLst/>
          </a:prstGeom>
          <a:solidFill>
            <a:srgbClr val="6EAE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6" name="OTLSHAPE_T_48d7d5ff336d462fbe074aacd41fced8_Shape">
            <a:extLst>
              <a:ext uri="{FF2B5EF4-FFF2-40B4-BE49-F238E27FC236}">
                <a16:creationId xmlns:a16="http://schemas.microsoft.com/office/drawing/2014/main" id="{94D8A537-7394-4B7A-8DF6-180C7F31955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8496998" y="4457700"/>
            <a:ext cx="1219200" cy="254000"/>
          </a:xfrm>
          <a:prstGeom prst="rect">
            <a:avLst/>
          </a:prstGeom>
          <a:solidFill>
            <a:srgbClr val="6EAE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4" name="OTLSHAPE_T_d1507011f0e3474ea5ec992b59f05503_Shape">
            <a:extLst>
              <a:ext uri="{FF2B5EF4-FFF2-40B4-BE49-F238E27FC236}">
                <a16:creationId xmlns:a16="http://schemas.microsoft.com/office/drawing/2014/main" id="{F26E20A6-A90A-45E2-862D-89FF02EDB661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9782039" y="4892040"/>
            <a:ext cx="1422400" cy="254000"/>
          </a:xfrm>
          <a:prstGeom prst="rect">
            <a:avLst/>
          </a:prstGeom>
          <a:solidFill>
            <a:srgbClr val="6EAE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T_0571764d832c4c17b9661d9d32209f65_ShapePercentage">
            <a:extLst>
              <a:ext uri="{FF2B5EF4-FFF2-40B4-BE49-F238E27FC236}">
                <a16:creationId xmlns:a16="http://schemas.microsoft.com/office/drawing/2014/main" id="{18F73E85-95A2-47B1-B084-F1A43272C07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192555" y="19177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T_184a1a4c93944062bead284b0de7149c_ShapePercentage">
            <a:extLst>
              <a:ext uri="{FF2B5EF4-FFF2-40B4-BE49-F238E27FC236}">
                <a16:creationId xmlns:a16="http://schemas.microsoft.com/office/drawing/2014/main" id="{ACA9F1F5-C291-4CF5-9726-188F7C3C0739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192555" y="22352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T_91e86c6ce99d48548762ba4a0caf8d75_ShapePercentage">
            <a:extLst>
              <a:ext uri="{FF2B5EF4-FFF2-40B4-BE49-F238E27FC236}">
                <a16:creationId xmlns:a16="http://schemas.microsoft.com/office/drawing/2014/main" id="{583958D1-BF06-4159-80C5-F6A76ADE626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018666" y="25527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T_1b1aad66eebe4b74824324b84f38222b_ShapePercentage">
            <a:extLst>
              <a:ext uri="{FF2B5EF4-FFF2-40B4-BE49-F238E27FC236}">
                <a16:creationId xmlns:a16="http://schemas.microsoft.com/office/drawing/2014/main" id="{A1225780-93D6-4D1B-8AF7-69120B0CC40C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047678" y="28702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" name="OTLSHAPE_T_7149c3a188b944c8a7174d2bb76898c8_ShapePercentage">
            <a:extLst>
              <a:ext uri="{FF2B5EF4-FFF2-40B4-BE49-F238E27FC236}">
                <a16:creationId xmlns:a16="http://schemas.microsoft.com/office/drawing/2014/main" id="{03E60AB1-09AB-4552-86CD-E42C43381E3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047678" y="31877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T_a58d027968cf4916b27c9154731ca416_ShapePercentage">
            <a:extLst>
              <a:ext uri="{FF2B5EF4-FFF2-40B4-BE49-F238E27FC236}">
                <a16:creationId xmlns:a16="http://schemas.microsoft.com/office/drawing/2014/main" id="{E894510A-11E8-4ADB-8BE0-7A89473FF2AD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7009056" y="35052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" name="OTLSHAPE_T_4db08bf0b0cb4f95a5a88e647975f119_ShapePercentage">
            <a:extLst>
              <a:ext uri="{FF2B5EF4-FFF2-40B4-BE49-F238E27FC236}">
                <a16:creationId xmlns:a16="http://schemas.microsoft.com/office/drawing/2014/main" id="{15D99D1E-B2A5-4D44-9ABB-5EE1FB5121ED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7009056" y="38227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9" name="OTLSHAPE_T_adf970c834164544b38fe42dc1844a75_ShapePercentage">
            <a:extLst>
              <a:ext uri="{FF2B5EF4-FFF2-40B4-BE49-F238E27FC236}">
                <a16:creationId xmlns:a16="http://schemas.microsoft.com/office/drawing/2014/main" id="{941F845C-4552-4706-8920-BE2D1E8BBE63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8496998" y="41402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T_48d7d5ff336d462fbe074aacd41fced8_ShapePercentage">
            <a:extLst>
              <a:ext uri="{FF2B5EF4-FFF2-40B4-BE49-F238E27FC236}">
                <a16:creationId xmlns:a16="http://schemas.microsoft.com/office/drawing/2014/main" id="{84307968-0F26-4D01-A3AD-386ACB0F9DBF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8496998" y="445770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" name="OTLSHAPE_T_d1507011f0e3474ea5ec992b59f05503_ShapePercentage">
            <a:extLst>
              <a:ext uri="{FF2B5EF4-FFF2-40B4-BE49-F238E27FC236}">
                <a16:creationId xmlns:a16="http://schemas.microsoft.com/office/drawing/2014/main" id="{3BAF3A6C-9215-4B2B-AAE3-F5B46B4281A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9782039" y="4892040"/>
            <a:ext cx="0" cy="254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" name="OTLSHAPE_T_0571764d832c4c17b9661d9d32209f65_StartDate" hidden="1">
            <a:extLst>
              <a:ext uri="{FF2B5EF4-FFF2-40B4-BE49-F238E27FC236}">
                <a16:creationId xmlns:a16="http://schemas.microsoft.com/office/drawing/2014/main" id="{59A737EE-C205-467F-8898-37E1794EC07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5" name="OTLSHAPE_T_0571764d832c4c17b9661d9d32209f65_EndDate" hidden="1">
            <a:extLst>
              <a:ext uri="{FF2B5EF4-FFF2-40B4-BE49-F238E27FC236}">
                <a16:creationId xmlns:a16="http://schemas.microsoft.com/office/drawing/2014/main" id="{05DCC5D2-D611-40CD-8029-02C107CD9FB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6" name="OTLSHAPE_T_0571764d832c4c17b9661d9d32209f65_Duration">
            <a:extLst>
              <a:ext uri="{FF2B5EF4-FFF2-40B4-BE49-F238E27FC236}">
                <a16:creationId xmlns:a16="http://schemas.microsoft.com/office/drawing/2014/main" id="{4A9CADB1-B7B5-4B61-AD5C-5F23D81CF71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85859" y="19862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589AD7"/>
                </a:solidFill>
                <a:latin typeface="Arial" panose="020B0604020202020204" pitchFamily="34" charset="0"/>
              </a:rPr>
              <a:t>40 days</a:t>
            </a:r>
          </a:p>
        </p:txBody>
      </p:sp>
      <p:sp>
        <p:nvSpPr>
          <p:cNvPr id="67" name="OTLSHAPE_T_0571764d832c4c17b9661d9d32209f65_JoinedDate">
            <a:extLst>
              <a:ext uri="{FF2B5EF4-FFF2-40B4-BE49-F238E27FC236}">
                <a16:creationId xmlns:a16="http://schemas.microsoft.com/office/drawing/2014/main" id="{82A7E2CA-9D9F-488F-AB12-73853941731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030797" y="1986280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chemeClr val="dk2"/>
                </a:solidFill>
                <a:latin typeface="Arial" panose="020B0604020202020204" pitchFamily="34" charset="0"/>
              </a:rPr>
              <a:t>Apr 5 - May 30</a:t>
            </a:r>
          </a:p>
        </p:txBody>
      </p:sp>
      <p:sp>
        <p:nvSpPr>
          <p:cNvPr id="68" name="OTLSHAPE_T_0571764d832c4c17b9661d9d32209f65_Title">
            <a:extLst>
              <a:ext uri="{FF2B5EF4-FFF2-40B4-BE49-F238E27FC236}">
                <a16:creationId xmlns:a16="http://schemas.microsoft.com/office/drawing/2014/main" id="{849A51B3-905B-4823-87FA-38E5C091845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514607" y="1978978"/>
            <a:ext cx="1155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Define Requirements</a:t>
            </a:r>
          </a:p>
        </p:txBody>
      </p:sp>
      <p:sp>
        <p:nvSpPr>
          <p:cNvPr id="69" name="OTLSHAPE_T_0571764d832c4c17b9661d9d32209f65_TextPercentage" hidden="1">
            <a:extLst>
              <a:ext uri="{FF2B5EF4-FFF2-40B4-BE49-F238E27FC236}">
                <a16:creationId xmlns:a16="http://schemas.microsoft.com/office/drawing/2014/main" id="{D211C915-6974-4C51-93A4-A134A89D88F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2" name="OTLSHAPE_T_184a1a4c93944062bead284b0de7149c_StartDate" hidden="1">
            <a:extLst>
              <a:ext uri="{FF2B5EF4-FFF2-40B4-BE49-F238E27FC236}">
                <a16:creationId xmlns:a16="http://schemas.microsoft.com/office/drawing/2014/main" id="{4547A854-22DE-439F-A33C-20B2EF2DC2D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3" name="OTLSHAPE_T_184a1a4c93944062bead284b0de7149c_EndDate" hidden="1">
            <a:extLst>
              <a:ext uri="{FF2B5EF4-FFF2-40B4-BE49-F238E27FC236}">
                <a16:creationId xmlns:a16="http://schemas.microsoft.com/office/drawing/2014/main" id="{08140D69-ADCE-488B-A451-45245D186CE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4" name="OTLSHAPE_T_184a1a4c93944062bead284b0de7149c_Duration">
            <a:extLst>
              <a:ext uri="{FF2B5EF4-FFF2-40B4-BE49-F238E27FC236}">
                <a16:creationId xmlns:a16="http://schemas.microsoft.com/office/drawing/2014/main" id="{14B5BB3C-F095-4DE6-8398-9C64988072B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85859" y="23037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589AD7"/>
                </a:solidFill>
                <a:latin typeface="Arial" panose="020B0604020202020204" pitchFamily="34" charset="0"/>
              </a:rPr>
              <a:t>19 days</a:t>
            </a:r>
          </a:p>
        </p:txBody>
      </p:sp>
      <p:sp>
        <p:nvSpPr>
          <p:cNvPr id="75" name="OTLSHAPE_T_184a1a4c93944062bead284b0de7149c_JoinedDate">
            <a:extLst>
              <a:ext uri="{FF2B5EF4-FFF2-40B4-BE49-F238E27FC236}">
                <a16:creationId xmlns:a16="http://schemas.microsoft.com/office/drawing/2014/main" id="{D3E8CDF7-B31F-4FFC-B586-94096DC3976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001785" y="2303780"/>
            <a:ext cx="635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Apr 5 - Apr 30</a:t>
            </a:r>
          </a:p>
        </p:txBody>
      </p:sp>
      <p:sp>
        <p:nvSpPr>
          <p:cNvPr id="76" name="OTLSHAPE_T_184a1a4c93944062bead284b0de7149c_Title">
            <a:extLst>
              <a:ext uri="{FF2B5EF4-FFF2-40B4-BE49-F238E27FC236}">
                <a16:creationId xmlns:a16="http://schemas.microsoft.com/office/drawing/2014/main" id="{034270A3-B6D9-46CC-B992-4B357000D05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382520" y="2296478"/>
            <a:ext cx="1384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Developer Requirements </a:t>
            </a:r>
          </a:p>
        </p:txBody>
      </p:sp>
      <p:sp>
        <p:nvSpPr>
          <p:cNvPr id="77" name="OTLSHAPE_T_184a1a4c93944062bead284b0de7149c_TextPercentage" hidden="1">
            <a:extLst>
              <a:ext uri="{FF2B5EF4-FFF2-40B4-BE49-F238E27FC236}">
                <a16:creationId xmlns:a16="http://schemas.microsoft.com/office/drawing/2014/main" id="{915B763C-778B-4BF6-B335-32AB1983251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0" name="OTLSHAPE_T_91e86c6ce99d48548762ba4a0caf8d75_StartDate" hidden="1">
            <a:extLst>
              <a:ext uri="{FF2B5EF4-FFF2-40B4-BE49-F238E27FC236}">
                <a16:creationId xmlns:a16="http://schemas.microsoft.com/office/drawing/2014/main" id="{016C4F52-CF93-4B01-872A-55AA75E13F6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1" name="OTLSHAPE_T_91e86c6ce99d48548762ba4a0caf8d75_EndDate" hidden="1">
            <a:extLst>
              <a:ext uri="{FF2B5EF4-FFF2-40B4-BE49-F238E27FC236}">
                <a16:creationId xmlns:a16="http://schemas.microsoft.com/office/drawing/2014/main" id="{C3404D04-6F79-4045-915A-E9FF24478A2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2" name="OTLSHAPE_T_91e86c6ce99d48548762ba4a0caf8d75_Duration">
            <a:extLst>
              <a:ext uri="{FF2B5EF4-FFF2-40B4-BE49-F238E27FC236}">
                <a16:creationId xmlns:a16="http://schemas.microsoft.com/office/drawing/2014/main" id="{9CEB0648-285D-444E-94D0-83B9B05CBFE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611969" y="26212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589AD7"/>
                </a:solidFill>
                <a:latin typeface="Arial" panose="020B0604020202020204" pitchFamily="34" charset="0"/>
              </a:rPr>
              <a:t>21 days</a:t>
            </a:r>
          </a:p>
        </p:txBody>
      </p:sp>
      <p:sp>
        <p:nvSpPr>
          <p:cNvPr id="83" name="OTLSHAPE_T_91e86c6ce99d48548762ba4a0caf8d75_JoinedDate">
            <a:extLst>
              <a:ext uri="{FF2B5EF4-FFF2-40B4-BE49-F238E27FC236}">
                <a16:creationId xmlns:a16="http://schemas.microsoft.com/office/drawing/2014/main" id="{87E7A843-53BD-4431-90D2-C597C32D71F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030797" y="2621280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chemeClr val="dk2"/>
                </a:solidFill>
                <a:latin typeface="Arial" panose="020B0604020202020204" pitchFamily="34" charset="0"/>
              </a:rPr>
              <a:t>May 2 - May 30</a:t>
            </a:r>
          </a:p>
        </p:txBody>
      </p:sp>
      <p:sp>
        <p:nvSpPr>
          <p:cNvPr id="84" name="OTLSHAPE_T_91e86c6ce99d48548762ba4a0caf8d75_Title">
            <a:extLst>
              <a:ext uri="{FF2B5EF4-FFF2-40B4-BE49-F238E27FC236}">
                <a16:creationId xmlns:a16="http://schemas.microsoft.com/office/drawing/2014/main" id="{1641D26D-B53E-4635-8DA7-697D71447BE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341831" y="2613978"/>
            <a:ext cx="1320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Hardware Requirements</a:t>
            </a:r>
          </a:p>
        </p:txBody>
      </p:sp>
      <p:sp>
        <p:nvSpPr>
          <p:cNvPr id="85" name="OTLSHAPE_T_91e86c6ce99d48548762ba4a0caf8d75_TextPercentage" hidden="1">
            <a:extLst>
              <a:ext uri="{FF2B5EF4-FFF2-40B4-BE49-F238E27FC236}">
                <a16:creationId xmlns:a16="http://schemas.microsoft.com/office/drawing/2014/main" id="{76623471-C7EB-49DB-A9CD-13970D2AC56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8" name="OTLSHAPE_T_1b1aad66eebe4b74824324b84f38222b_StartDate" hidden="1">
            <a:extLst>
              <a:ext uri="{FF2B5EF4-FFF2-40B4-BE49-F238E27FC236}">
                <a16:creationId xmlns:a16="http://schemas.microsoft.com/office/drawing/2014/main" id="{53D6399E-91F1-4980-B8E6-C4C2C7710CD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9" name="OTLSHAPE_T_1b1aad66eebe4b74824324b84f38222b_EndDate" hidden="1">
            <a:extLst>
              <a:ext uri="{FF2B5EF4-FFF2-40B4-BE49-F238E27FC236}">
                <a16:creationId xmlns:a16="http://schemas.microsoft.com/office/drawing/2014/main" id="{255A4DC8-43AE-4F43-8FB7-7F7DBB17E25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0" name="OTLSHAPE_T_1b1aad66eebe4b74824324b84f38222b_Duration">
            <a:extLst>
              <a:ext uri="{FF2B5EF4-FFF2-40B4-BE49-F238E27FC236}">
                <a16:creationId xmlns:a16="http://schemas.microsoft.com/office/drawing/2014/main" id="{0225F6F6-2565-4173-A800-65B1B31B4C7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640981" y="29387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chemeClr val="accent2"/>
                </a:solidFill>
                <a:latin typeface="Arial" panose="020B0604020202020204" pitchFamily="34" charset="0"/>
              </a:rPr>
              <a:t>20 days</a:t>
            </a:r>
          </a:p>
        </p:txBody>
      </p:sp>
      <p:sp>
        <p:nvSpPr>
          <p:cNvPr id="91" name="OTLSHAPE_T_1b1aad66eebe4b74824324b84f38222b_JoinedDate">
            <a:extLst>
              <a:ext uri="{FF2B5EF4-FFF2-40B4-BE49-F238E27FC236}">
                <a16:creationId xmlns:a16="http://schemas.microsoft.com/office/drawing/2014/main" id="{56B6FC47-2097-4079-880A-7CEC20F7AC9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992175" y="2938780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28</a:t>
            </a:r>
          </a:p>
        </p:txBody>
      </p:sp>
      <p:sp>
        <p:nvSpPr>
          <p:cNvPr id="92" name="OTLSHAPE_T_1b1aad66eebe4b74824324b84f38222b_Title">
            <a:extLst>
              <a:ext uri="{FF2B5EF4-FFF2-40B4-BE49-F238E27FC236}">
                <a16:creationId xmlns:a16="http://schemas.microsoft.com/office/drawing/2014/main" id="{9F24C0D1-9052-4DF8-B885-CC01BA1CB16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384757" y="2931478"/>
            <a:ext cx="1231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Design Specifications </a:t>
            </a:r>
          </a:p>
        </p:txBody>
      </p:sp>
      <p:sp>
        <p:nvSpPr>
          <p:cNvPr id="93" name="OTLSHAPE_T_1b1aad66eebe4b74824324b84f38222b_TextPercentage" hidden="1">
            <a:extLst>
              <a:ext uri="{FF2B5EF4-FFF2-40B4-BE49-F238E27FC236}">
                <a16:creationId xmlns:a16="http://schemas.microsoft.com/office/drawing/2014/main" id="{FA8B30F1-1116-49E9-A022-862B43D7C8C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6" name="OTLSHAPE_T_7149c3a188b944c8a7174d2bb76898c8_StartDate" hidden="1">
            <a:extLst>
              <a:ext uri="{FF2B5EF4-FFF2-40B4-BE49-F238E27FC236}">
                <a16:creationId xmlns:a16="http://schemas.microsoft.com/office/drawing/2014/main" id="{514217F3-6ED8-40C4-88E6-C33FF005AF7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7" name="OTLSHAPE_T_7149c3a188b944c8a7174d2bb76898c8_EndDate" hidden="1">
            <a:extLst>
              <a:ext uri="{FF2B5EF4-FFF2-40B4-BE49-F238E27FC236}">
                <a16:creationId xmlns:a16="http://schemas.microsoft.com/office/drawing/2014/main" id="{9946FD6B-0DBC-4EDD-9B92-AAC2B780CCF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8" name="OTLSHAPE_T_7149c3a188b944c8a7174d2bb76898c8_Duration">
            <a:extLst>
              <a:ext uri="{FF2B5EF4-FFF2-40B4-BE49-F238E27FC236}">
                <a16:creationId xmlns:a16="http://schemas.microsoft.com/office/drawing/2014/main" id="{CC31CE7D-9513-415D-A8C4-433413DE130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697496" y="3256280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8">
                <a:solidFill>
                  <a:schemeClr val="accent2"/>
                </a:solidFill>
                <a:latin typeface="Arial" panose="020B0604020202020204" pitchFamily="34" charset="0"/>
              </a:rPr>
              <a:t>8 days</a:t>
            </a:r>
          </a:p>
        </p:txBody>
      </p:sp>
      <p:sp>
        <p:nvSpPr>
          <p:cNvPr id="99" name="OTLSHAPE_T_7149c3a188b944c8a7174d2bb76898c8_JoinedDate">
            <a:extLst>
              <a:ext uri="{FF2B5EF4-FFF2-40B4-BE49-F238E27FC236}">
                <a16:creationId xmlns:a16="http://schemas.microsoft.com/office/drawing/2014/main" id="{2D60C249-5172-45CC-B469-D92EE5188C0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910035" y="3256280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12</a:t>
            </a:r>
          </a:p>
        </p:txBody>
      </p:sp>
      <p:sp>
        <p:nvSpPr>
          <p:cNvPr id="100" name="OTLSHAPE_T_7149c3a188b944c8a7174d2bb76898c8_Title">
            <a:extLst>
              <a:ext uri="{FF2B5EF4-FFF2-40B4-BE49-F238E27FC236}">
                <a16:creationId xmlns:a16="http://schemas.microsoft.com/office/drawing/2014/main" id="{F0EF37CE-1422-4E11-AF32-A3B3D58B192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240774" y="3248978"/>
            <a:ext cx="431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Staffing</a:t>
            </a:r>
          </a:p>
        </p:txBody>
      </p:sp>
      <p:sp>
        <p:nvSpPr>
          <p:cNvPr id="101" name="OTLSHAPE_T_7149c3a188b944c8a7174d2bb76898c8_TextPercentage" hidden="1">
            <a:extLst>
              <a:ext uri="{FF2B5EF4-FFF2-40B4-BE49-F238E27FC236}">
                <a16:creationId xmlns:a16="http://schemas.microsoft.com/office/drawing/2014/main" id="{9860592E-A0BD-40F2-8D7C-143E0E61F13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04" name="OTLSHAPE_T_a58d027968cf4916b27c9154731ca416_StartDate" hidden="1">
            <a:extLst>
              <a:ext uri="{FF2B5EF4-FFF2-40B4-BE49-F238E27FC236}">
                <a16:creationId xmlns:a16="http://schemas.microsoft.com/office/drawing/2014/main" id="{F8C24B51-7BC9-4B79-B62D-5520487D0EF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5" name="OTLSHAPE_T_a58d027968cf4916b27c9154731ca416_EndDate" hidden="1">
            <a:extLst>
              <a:ext uri="{FF2B5EF4-FFF2-40B4-BE49-F238E27FC236}">
                <a16:creationId xmlns:a16="http://schemas.microsoft.com/office/drawing/2014/main" id="{424493A4-ED78-4D90-A41B-65B166886DB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6" name="OTLSHAPE_T_a58d027968cf4916b27c9154731ca416_Duration">
            <a:extLst>
              <a:ext uri="{FF2B5EF4-FFF2-40B4-BE49-F238E27FC236}">
                <a16:creationId xmlns:a16="http://schemas.microsoft.com/office/drawing/2014/main" id="{3975923B-D585-417E-9F99-AB015B59540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602360" y="35737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B20E12"/>
                </a:solidFill>
                <a:latin typeface="Arial" panose="020B0604020202020204" pitchFamily="34" charset="0"/>
              </a:rPr>
              <a:t>15 days</a:t>
            </a:r>
          </a:p>
        </p:txBody>
      </p:sp>
      <p:sp>
        <p:nvSpPr>
          <p:cNvPr id="107" name="OTLSHAPE_T_a58d027968cf4916b27c9154731ca416_JoinedDate">
            <a:extLst>
              <a:ext uri="{FF2B5EF4-FFF2-40B4-BE49-F238E27FC236}">
                <a16:creationId xmlns:a16="http://schemas.microsoft.com/office/drawing/2014/main" id="{6F29E32C-512C-4DA7-A2A5-2548005EC67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480117" y="3573780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30 - Jul 20</a:t>
            </a:r>
          </a:p>
        </p:txBody>
      </p:sp>
      <p:sp>
        <p:nvSpPr>
          <p:cNvPr id="108" name="OTLSHAPE_T_a58d027968cf4916b27c9154731ca416_Title">
            <a:extLst>
              <a:ext uri="{FF2B5EF4-FFF2-40B4-BE49-F238E27FC236}">
                <a16:creationId xmlns:a16="http://schemas.microsoft.com/office/drawing/2014/main" id="{980BF4E8-DCB2-4335-890B-D72ABA0B1C6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401729" y="3566478"/>
            <a:ext cx="635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Production </a:t>
            </a:r>
          </a:p>
        </p:txBody>
      </p:sp>
      <p:sp>
        <p:nvSpPr>
          <p:cNvPr id="109" name="OTLSHAPE_T_a58d027968cf4916b27c9154731ca416_TextPercentage" hidden="1">
            <a:extLst>
              <a:ext uri="{FF2B5EF4-FFF2-40B4-BE49-F238E27FC236}">
                <a16:creationId xmlns:a16="http://schemas.microsoft.com/office/drawing/2014/main" id="{E2A6CDD5-8D2A-48C9-97BC-F4897139CF7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2" name="OTLSHAPE_T_4db08bf0b0cb4f95a5a88e647975f119_StartDate" hidden="1">
            <a:extLst>
              <a:ext uri="{FF2B5EF4-FFF2-40B4-BE49-F238E27FC236}">
                <a16:creationId xmlns:a16="http://schemas.microsoft.com/office/drawing/2014/main" id="{EF60DBE5-D9B2-4826-B2CB-8A3933B8E35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3" name="OTLSHAPE_T_4db08bf0b0cb4f95a5a88e647975f119_EndDate" hidden="1">
            <a:extLst>
              <a:ext uri="{FF2B5EF4-FFF2-40B4-BE49-F238E27FC236}">
                <a16:creationId xmlns:a16="http://schemas.microsoft.com/office/drawing/2014/main" id="{95D868B1-E948-4D41-8E14-8F9A2A4C9D1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4" name="OTLSHAPE_T_4db08bf0b0cb4f95a5a88e647975f119_Duration">
            <a:extLst>
              <a:ext uri="{FF2B5EF4-FFF2-40B4-BE49-F238E27FC236}">
                <a16:creationId xmlns:a16="http://schemas.microsoft.com/office/drawing/2014/main" id="{DA37B3F7-E4AC-4DB9-AD24-018553888BA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602360" y="38912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B20E12"/>
                </a:solidFill>
                <a:latin typeface="Arial" panose="020B0604020202020204" pitchFamily="34" charset="0"/>
              </a:rPr>
              <a:t>15 days</a:t>
            </a:r>
          </a:p>
        </p:txBody>
      </p:sp>
      <p:sp>
        <p:nvSpPr>
          <p:cNvPr id="115" name="OTLSHAPE_T_4db08bf0b0cb4f95a5a88e647975f119_JoinedDate">
            <a:extLst>
              <a:ext uri="{FF2B5EF4-FFF2-40B4-BE49-F238E27FC236}">
                <a16:creationId xmlns:a16="http://schemas.microsoft.com/office/drawing/2014/main" id="{F8D97F16-7681-4BB4-9562-92F9DAFC7F4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480117" y="3891280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30 - Jul 20</a:t>
            </a:r>
          </a:p>
        </p:txBody>
      </p:sp>
      <p:sp>
        <p:nvSpPr>
          <p:cNvPr id="116" name="OTLSHAPE_T_4db08bf0b0cb4f95a5a88e647975f119_Title">
            <a:extLst>
              <a:ext uri="{FF2B5EF4-FFF2-40B4-BE49-F238E27FC236}">
                <a16:creationId xmlns:a16="http://schemas.microsoft.com/office/drawing/2014/main" id="{FA39AE5D-1663-4642-B240-C72209580BD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288275" y="3883978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>
                <a:solidFill>
                  <a:schemeClr val="dk1"/>
                </a:solidFill>
                <a:latin typeface="Arial" panose="020B0604020202020204" pitchFamily="34" charset="0"/>
              </a:rPr>
              <a:t>Phase 1 Testing</a:t>
            </a:r>
          </a:p>
        </p:txBody>
      </p:sp>
      <p:sp>
        <p:nvSpPr>
          <p:cNvPr id="117" name="OTLSHAPE_T_4db08bf0b0cb4f95a5a88e647975f119_TextPercentage" hidden="1">
            <a:extLst>
              <a:ext uri="{FF2B5EF4-FFF2-40B4-BE49-F238E27FC236}">
                <a16:creationId xmlns:a16="http://schemas.microsoft.com/office/drawing/2014/main" id="{43A02187-CAF5-4AFB-B441-30C0E51C69E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0" name="OTLSHAPE_T_adf970c834164544b38fe42dc1844a75_StartDate" hidden="1">
            <a:extLst>
              <a:ext uri="{FF2B5EF4-FFF2-40B4-BE49-F238E27FC236}">
                <a16:creationId xmlns:a16="http://schemas.microsoft.com/office/drawing/2014/main" id="{93F8B3F0-D96B-46FF-90BB-9ECD7132AE3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1" name="OTLSHAPE_T_adf970c834164544b38fe42dc1844a75_EndDate" hidden="1">
            <a:extLst>
              <a:ext uri="{FF2B5EF4-FFF2-40B4-BE49-F238E27FC236}">
                <a16:creationId xmlns:a16="http://schemas.microsoft.com/office/drawing/2014/main" id="{C28C526B-7A12-441C-A5E8-F47415958E80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2" name="OTLSHAPE_T_adf970c834164544b38fe42dc1844a75_Duration">
            <a:extLst>
              <a:ext uri="{FF2B5EF4-FFF2-40B4-BE49-F238E27FC236}">
                <a16:creationId xmlns:a16="http://schemas.microsoft.com/office/drawing/2014/main" id="{F4738376-DEA1-4393-9E41-1B5655848EAB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090302" y="42087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6EAE40"/>
                </a:solidFill>
                <a:latin typeface="Arial" panose="020B0604020202020204" pitchFamily="34" charset="0"/>
              </a:rPr>
              <a:t>28 days</a:t>
            </a:r>
          </a:p>
        </p:txBody>
      </p:sp>
      <p:sp>
        <p:nvSpPr>
          <p:cNvPr id="123" name="OTLSHAPE_T_adf970c834164544b38fe42dc1844a75_JoinedDate">
            <a:extLst>
              <a:ext uri="{FF2B5EF4-FFF2-40B4-BE49-F238E27FC236}">
                <a16:creationId xmlns:a16="http://schemas.microsoft.com/office/drawing/2014/main" id="{B91CDC49-2FB1-4D0C-A822-5A5A364A968C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1253100" y="4208780"/>
            <a:ext cx="685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l 22 - Aug 30</a:t>
            </a:r>
          </a:p>
        </p:txBody>
      </p:sp>
      <p:sp>
        <p:nvSpPr>
          <p:cNvPr id="124" name="OTLSHAPE_T_adf970c834164544b38fe42dc1844a75_Title">
            <a:extLst>
              <a:ext uri="{FF2B5EF4-FFF2-40B4-BE49-F238E27FC236}">
                <a16:creationId xmlns:a16="http://schemas.microsoft.com/office/drawing/2014/main" id="{5BB34232-3AC7-4653-A89E-39F80065F27D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9633579" y="4201478"/>
            <a:ext cx="444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Phase 2</a:t>
            </a:r>
          </a:p>
        </p:txBody>
      </p:sp>
      <p:sp>
        <p:nvSpPr>
          <p:cNvPr id="125" name="OTLSHAPE_T_adf970c834164544b38fe42dc1844a75_TextPercentage" hidden="1">
            <a:extLst>
              <a:ext uri="{FF2B5EF4-FFF2-40B4-BE49-F238E27FC236}">
                <a16:creationId xmlns:a16="http://schemas.microsoft.com/office/drawing/2014/main" id="{D2322BEE-AD32-4B98-93B3-AD146292EA4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8" name="OTLSHAPE_T_48d7d5ff336d462fbe074aacd41fced8_StartDate" hidden="1">
            <a:extLst>
              <a:ext uri="{FF2B5EF4-FFF2-40B4-BE49-F238E27FC236}">
                <a16:creationId xmlns:a16="http://schemas.microsoft.com/office/drawing/2014/main" id="{6F82EC42-3173-43D0-A709-4DB7768C1BC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9" name="OTLSHAPE_T_48d7d5ff336d462fbe074aacd41fced8_EndDate" hidden="1">
            <a:extLst>
              <a:ext uri="{FF2B5EF4-FFF2-40B4-BE49-F238E27FC236}">
                <a16:creationId xmlns:a16="http://schemas.microsoft.com/office/drawing/2014/main" id="{5CD1B19C-A258-4160-8F5F-8B37C97ECB1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0" name="OTLSHAPE_T_48d7d5ff336d462fbe074aacd41fced8_Duration">
            <a:extLst>
              <a:ext uri="{FF2B5EF4-FFF2-40B4-BE49-F238E27FC236}">
                <a16:creationId xmlns:a16="http://schemas.microsoft.com/office/drawing/2014/main" id="{05781720-D93E-4F07-B265-0D7711BA37C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090302" y="452628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6EAE40"/>
                </a:solidFill>
                <a:latin typeface="Arial" panose="020B0604020202020204" pitchFamily="34" charset="0"/>
              </a:rPr>
              <a:t>12 days</a:t>
            </a:r>
          </a:p>
        </p:txBody>
      </p:sp>
      <p:sp>
        <p:nvSpPr>
          <p:cNvPr id="131" name="OTLSHAPE_T_48d7d5ff336d462fbe074aacd41fced8_JoinedDate">
            <a:extLst>
              <a:ext uri="{FF2B5EF4-FFF2-40B4-BE49-F238E27FC236}">
                <a16:creationId xmlns:a16="http://schemas.microsoft.com/office/drawing/2014/main" id="{B6AF38CE-96D9-44E2-B019-2BBB0790EE87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765158" y="4526280"/>
            <a:ext cx="622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l 22 - Aug 8</a:t>
            </a:r>
          </a:p>
        </p:txBody>
      </p:sp>
      <p:sp>
        <p:nvSpPr>
          <p:cNvPr id="132" name="OTLSHAPE_T_48d7d5ff336d462fbe074aacd41fced8_Title">
            <a:extLst>
              <a:ext uri="{FF2B5EF4-FFF2-40B4-BE49-F238E27FC236}">
                <a16:creationId xmlns:a16="http://schemas.microsoft.com/office/drawing/2014/main" id="{F6641143-533D-4EBA-9B10-F4505553A12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674767" y="4518978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>
                <a:solidFill>
                  <a:schemeClr val="dk1"/>
                </a:solidFill>
                <a:latin typeface="Arial" panose="020B0604020202020204" pitchFamily="34" charset="0"/>
              </a:rPr>
              <a:t>Phase 2 Testing</a:t>
            </a:r>
          </a:p>
        </p:txBody>
      </p:sp>
      <p:sp>
        <p:nvSpPr>
          <p:cNvPr id="133" name="OTLSHAPE_T_48d7d5ff336d462fbe074aacd41fced8_TextPercentage" hidden="1">
            <a:extLst>
              <a:ext uri="{FF2B5EF4-FFF2-40B4-BE49-F238E27FC236}">
                <a16:creationId xmlns:a16="http://schemas.microsoft.com/office/drawing/2014/main" id="{2630E0C1-4A4B-4587-A308-E457FFE2E32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6" name="OTLSHAPE_T_d1507011f0e3474ea5ec992b59f05503_StartDate" hidden="1">
            <a:extLst>
              <a:ext uri="{FF2B5EF4-FFF2-40B4-BE49-F238E27FC236}">
                <a16:creationId xmlns:a16="http://schemas.microsoft.com/office/drawing/2014/main" id="{3CA92331-055B-4C1F-8CF1-439EB71BFE6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7" name="OTLSHAPE_T_d1507011f0e3474ea5ec992b59f05503_EndDate" hidden="1">
            <a:extLst>
              <a:ext uri="{FF2B5EF4-FFF2-40B4-BE49-F238E27FC236}">
                <a16:creationId xmlns:a16="http://schemas.microsoft.com/office/drawing/2014/main" id="{E7BC8BA5-478B-40D7-8117-A1342BEDC62A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8" name="OTLSHAPE_T_d1507011f0e3474ea5ec992b59f05503_Duration">
            <a:extLst>
              <a:ext uri="{FF2B5EF4-FFF2-40B4-BE49-F238E27FC236}">
                <a16:creationId xmlns:a16="http://schemas.microsoft.com/office/drawing/2014/main" id="{E35D022B-4748-4D7D-B65A-E7B241ECA21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75342" y="4960620"/>
            <a:ext cx="3683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i="1" spc="-6">
                <a:solidFill>
                  <a:srgbClr val="6EAE40"/>
                </a:solidFill>
                <a:latin typeface="Arial" panose="020B0604020202020204" pitchFamily="34" charset="0"/>
              </a:rPr>
              <a:t>15 days</a:t>
            </a:r>
          </a:p>
        </p:txBody>
      </p:sp>
      <p:sp>
        <p:nvSpPr>
          <p:cNvPr id="139" name="OTLSHAPE_T_d1507011f0e3474ea5ec992b59f05503_JoinedDate">
            <a:extLst>
              <a:ext uri="{FF2B5EF4-FFF2-40B4-BE49-F238E27FC236}">
                <a16:creationId xmlns:a16="http://schemas.microsoft.com/office/drawing/2014/main" id="{E70776C0-0111-42C1-91C5-07F4F2C93966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9782039" y="4775200"/>
            <a:ext cx="736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Aug 10 - Aug 30</a:t>
            </a:r>
          </a:p>
        </p:txBody>
      </p:sp>
      <p:sp>
        <p:nvSpPr>
          <p:cNvPr id="140" name="OTLSHAPE_T_d1507011f0e3474ea5ec992b59f05503_Title">
            <a:extLst>
              <a:ext uri="{FF2B5EF4-FFF2-40B4-BE49-F238E27FC236}">
                <a16:creationId xmlns:a16="http://schemas.microsoft.com/office/drawing/2014/main" id="{1E219E25-4D59-4A87-9CF9-754BE8ABADB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936397" y="4953318"/>
            <a:ext cx="1117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ost Launch Review</a:t>
            </a:r>
          </a:p>
        </p:txBody>
      </p:sp>
      <p:sp>
        <p:nvSpPr>
          <p:cNvPr id="141" name="OTLSHAPE_T_d1507011f0e3474ea5ec992b59f05503_TextPercentage" hidden="1">
            <a:extLst>
              <a:ext uri="{FF2B5EF4-FFF2-40B4-BE49-F238E27FC236}">
                <a16:creationId xmlns:a16="http://schemas.microsoft.com/office/drawing/2014/main" id="{88C53F0D-3DC5-4D97-BE2B-5779AAC1C7CB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58" name="OTLSHAPE_M_74a51baaf1d84740b45c165010202ade_Shape">
            <a:extLst>
              <a:ext uri="{FF2B5EF4-FFF2-40B4-BE49-F238E27FC236}">
                <a16:creationId xmlns:a16="http://schemas.microsoft.com/office/drawing/2014/main" id="{DF01449B-D550-4346-8731-C4646FFB7E73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5203866" y="5666740"/>
            <a:ext cx="228600" cy="2540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M_79f24f72b16c487fac007e19419647d7_Shape">
            <a:extLst>
              <a:ext uri="{FF2B5EF4-FFF2-40B4-BE49-F238E27FC236}">
                <a16:creationId xmlns:a16="http://schemas.microsoft.com/office/drawing/2014/main" id="{3D72EC65-65B8-41F9-AC73-331FDC229716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9667692" y="5666740"/>
            <a:ext cx="228600" cy="254000"/>
          </a:xfrm>
          <a:prstGeom prst="rect">
            <a:avLst/>
          </a:prstGeom>
          <a:solidFill>
            <a:srgbClr val="6EAE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M_74a51baaf1d84740b45c165010202ade_Title">
            <a:extLst>
              <a:ext uri="{FF2B5EF4-FFF2-40B4-BE49-F238E27FC236}">
                <a16:creationId xmlns:a16="http://schemas.microsoft.com/office/drawing/2014/main" id="{2A74C2EC-8407-4010-981A-3F2167817513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4552483" y="6090285"/>
            <a:ext cx="1536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2">
                <a:solidFill>
                  <a:schemeClr val="dk1"/>
                </a:solidFill>
                <a:latin typeface="Arial" panose="020B0604020202020204" pitchFamily="34" charset="0"/>
              </a:rPr>
              <a:t>Stakeholder Presentation</a:t>
            </a:r>
          </a:p>
        </p:txBody>
      </p:sp>
      <p:sp>
        <p:nvSpPr>
          <p:cNvPr id="57" name="OTLSHAPE_M_74a51baaf1d84740b45c165010202ade_Date">
            <a:extLst>
              <a:ext uri="{FF2B5EF4-FFF2-40B4-BE49-F238E27FC236}">
                <a16:creationId xmlns:a16="http://schemas.microsoft.com/office/drawing/2014/main" id="{5B0AF69F-9CD0-4BDC-B153-09C9A9FFF6D6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78339" y="5946140"/>
            <a:ext cx="292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10">
                <a:solidFill>
                  <a:schemeClr val="dk2"/>
                </a:solidFill>
                <a:latin typeface="Arial" panose="020B0604020202020204" pitchFamily="34" charset="0"/>
              </a:rPr>
              <a:t>Jun 4</a:t>
            </a:r>
          </a:p>
        </p:txBody>
      </p:sp>
      <p:sp>
        <p:nvSpPr>
          <p:cNvPr id="59" name="OTLSHAPE_M_79f24f72b16c487fac007e19419647d7_Title">
            <a:extLst>
              <a:ext uri="{FF2B5EF4-FFF2-40B4-BE49-F238E27FC236}">
                <a16:creationId xmlns:a16="http://schemas.microsoft.com/office/drawing/2014/main" id="{39BD7A4A-79B2-4AC2-9007-6C3102396E01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9556186" y="6090285"/>
            <a:ext cx="457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u="sng" spc="-10">
                <a:solidFill>
                  <a:schemeClr val="dk1"/>
                </a:solidFill>
                <a:latin typeface="Arial" panose="020B0604020202020204" pitchFamily="34" charset="0"/>
              </a:rPr>
              <a:t>Launch</a:t>
            </a:r>
          </a:p>
        </p:txBody>
      </p:sp>
      <p:sp>
        <p:nvSpPr>
          <p:cNvPr id="60" name="OTLSHAPE_M_79f24f72b16c487fac007e19419647d7_Date">
            <a:extLst>
              <a:ext uri="{FF2B5EF4-FFF2-40B4-BE49-F238E27FC236}">
                <a16:creationId xmlns:a16="http://schemas.microsoft.com/office/drawing/2014/main" id="{8990AD3C-75B4-4D7E-8F7D-A4AEBE97BE60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632618" y="5946140"/>
            <a:ext cx="304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chemeClr val="dk2"/>
                </a:solidFill>
                <a:latin typeface="Arial" panose="020B0604020202020204" pitchFamily="34" charset="0"/>
              </a:rPr>
              <a:t>Aug 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2913383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NiwiRm9udE5hbWUiOiJBcmlhbC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1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YsIkZvbnROYW1lIjoiQXJpYWwiLCJJc0JvbGQiOnRydWUsIklzSXRhbGljIjpmYWxzZSwiSXNVbmRlcmxpbmVkIjpmYWxzZSwiUGFyZW50U3R5bGUiOm51bGx9LCJBdXRvU2l6ZSI6MCwiRm9yZWdyb3VuZCI6eyIkaWQiOiIyNSIsIkNvbG9yIjp7IiRpZCI6IjI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NS4wLCJSaWdodCI6MC4wLCJCb3R0b20iOjAuMH0sIlBhZGRpbmciOnsiJGlkIjoiMjgiLCJUb3AiOjAuMCwiTGVmdCI6MC4wLCJSaWdodCI6MC4wLCJCb3R0b20iOjAuMH0sIkJhY2tncm91bmQiOnsiJGlkIjoiMjkiLCJDb2xvciI6eyIkcmVmIjoiMjIifX0sIklzVmlzaWJsZSI6ZmFsc2UsIldpZHRoIjowLjAsIkhlaWdodCI6MC4wLCJCb3JkZXJTdHlsZSI6bnVsbCwiUGFyZW50U3R5bGUiOm51bGx9LCJUb2RheVRleHRTdHlsZSI6eyIkaWQiOiIzMCIsIkZvbnRTZXR0aW5ncyI6eyIkaWQiOiIzMSIsIkZvbnRTaXplIjoxMiwiRm9udE5hbWUiOiJBcmlhbC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AsIlNob3dTZWdtZW50U2VwYXJhdG9ycyI6dHJ1ZSwiU2VnbWVudFNlcGFyYXRvck9wYWNpdHkiOjMwLCJIYXNCZWVuVmlzaWJsZUJlZm9yZSI6dHJ1ZSwiRm9udFNldHRpbmdzIjp7IiRpZCI6IjQzIiwiRm9udFNpemUiOjEwLCJGb250TmFtZSI6IkFyaWFsIiwiSXNCb2xkIjpmYWxzZSwiSXNJdGFsaWMiOmZhbHNlLCJJc1VuZGVybGluZWQiOmZhbHNlLCJQYXJlbnRTdHlsZSI6bnVsbH0sIkF1dG9TaXplIjowLCJGb3JlZ3JvdW5kIjp7IiRpZCI6IjQ0IiwiQ29sb3IiOnsiJGlkIjoiNDU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wLCJIZWlnaHQiOjMwLjB9LCJNaWRkbGVUaWVyU2NhbGVTdHlsZSI6eyIkaWQiOiI1MCIsIlNoYXBlIjowLCJTaG93U2VnbWVudFNlcGFyYXRvcnMiOnRydWUsIlNlZ21lbnRTZXBhcmF0b3JPcGFjaXR5IjozMCwiSGFzQmVlblZpc2libGVCZWZvcmUiOmZhbHNlLCJGb250U2V0dGluZ3MiOnsiJGlkIjoiNTEiLCJGb250U2l6ZSI6MTAsIkZvbnROYW1lIjoiQXJpYWw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Qm90dG9tVGllclNjYWxlU3R5bGUiOnsiJGlkIjoiNTIiLCJTaGFwZSI6MCwiU2hvd1NlZ21lbnRTZXBhcmF0b3JzIjp0cnVlLCJTZWdtZW50U2VwYXJhdG9yT3BhY2l0eSI6MzAsIkhhc0JlZW5WaXNpYmxlQmVmb3JlIjpmYWxzZSwiRm9udFNldHRpbmdzIjp7IiRpZCI6IjUzIiwiRm9udFNpemUiOjEwLCJGb250TmFtZSI6IkFyaWFs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EyNywiUiI6MzEsIkciOjczLCJCIjoxMjZ9fSwiTGluZVdlaWdodCI6MS4wLCJMaW5lVHlwZSI6MCwiUGFyZW50U3R5bGUiOm51bGx9LCJJc0JlbG93VGltZWJhbmQiOmZhbHNlLCJQb3NpdGlvbk9uVGFzayI6MCwiSGlkZURhdGUiOmZhbHNlLCJTaGFwZVNpemUiOjEsIlNwYWNpbmciOjE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AsIkZvbnROYW1lIjoiQXJpYWwiLCJJc0JvbGQiOnRydW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IyIn19LCJJc1Zpc2libGUiOnRydWUsIldpZHRoIjowLjAsIkhlaWdodCI6MC4wLCJCb3JkZXJTdHlsZSI6bnVsbCwiUGFyZW50U3R5bGUiOm51bGx9LCJEYXRlU3R5bGUiOnsiJGlkIjoiODEiLCJGb250U2V0dGluZ3MiOnsiJGlkIjoiODIiLCJGb250U2l6ZSI6OSwiRm9udE5hbWUiOiJBcmlhbCIsIklzQm9sZCI6ZmFsc2UsIklzSXRhbGljIjpmYWxzZSwiSXNVbmRlcmxpbmVkIjpmYWxzZSwiUGFyZW50U3R5bGUiOm51bGx9LCJBdXRvU2l6ZSI6MCwiRm9yZWdyb3VuZCI6eyIkaWQiOiI4MyIsIkNvbG9yIjp7IiRpZCI6Ij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yMiJ9fSwiSXNWaXNpYmxlIjp0cnVlLCJXaWR0aCI6MC4wLCJIZWlnaHQiOjAuMCwiQm9yZGVyU3R5bGUiOm51bGwsIlBhcmVudFN0eWxlIjpudWxsfSwiRGF0ZUZvcm1hdCI6eyIkaWQiOiI4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yMiJ9fSwiSXNWaXNpYmxlIjp0cnVlLCJXaWR0aCI6MC4wLCJIZWlnaHQiOjAuMCwiQm9yZGVyU3R5bGUiOm51bGwsIlBhcmVudFN0eWxlIjpudWxsfSwiRHVyYXRpb25TdHlsZSI6eyIkaWQiOiI5OSIsIkZvbnRTZXR0aW5ncyI6eyIkaWQiOiIxMDAiLCJGb250U2l6ZSI6OSwiRm9udE5hbWUiOiJBcmlhbCIsIklzQm9sZCI6ZmFsc2UsIklzSXRhbGljIjpmYWxzZSwiSXNVbmRlcmxpbmVkIjpmYWxzZSwiUGFyZW50U3R5bGUiOm51bGx9LCJBdXRvU2l6ZSI6MCwiRm9yZWdyb3VuZCI6eyIkaWQiOiIxMDEiLCJDb2xvciI6eyIkaWQiOiIxMDI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DQsIkciOjIwNCwiQiI6MjA0fX0sIkxpbmVXZWlnaHQiOjEuMCwiTGluZVR5cGUiOjAsIlBhcmVudFN0eWxlIjpudWxsfSwiVmVydGljYWxDb25uZWN0b3JTdHlsZSI6eyIkaWQiOiIxMDkiLCJMaW5lQ29sb3IiOnsiJGlkIjoiMTEwIiwiJHR5cGUiOiJOTFJFLkNvbW1vbi5Eb20uU29saWRDb2xvckJydXNoLCBOTFJFLkNvbW1vbiIsIkNvbG9yIjp7IiRpZCI6IjEx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OSwiRm9udE5hbWUiOiJBcmlhbCIsIklzQm9sZCI6ZmFsc2UsIklzSXRhbGljIjpmYWxzZSwiSXNVbmRlcmxpbmVkIjpmYWxzZSwiUGFyZW50U3R5bGUiOm51bGx9LCJBdXRvU2l6ZSI6MCwiRm9yZWdyb3VuZCI6eyIkaWQiOiIxMjkiLCJDb2xvciI6eyIkaWQiOiIxMzA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IyIn19LCJJc1Zpc2libGUiOnRydWUsIldpZHRoIjowLjAsIkhlaWdodCI6MC4wLCJCb3JkZXJTdHlsZSI6bnVsbCwiUGFyZW50U3R5bGUiOm51bGx9LCJEYXRlRm9ybWF0Ijp7IiRpZCI6IjE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xIiwiQWN0aXZpdHlIZWFkZXJXaWR0aCI6MC4wLCJJc1NldCI6ZmFsc2V9LCJEZWZhdWx0U3dpbWxhbmVTdHlsZSI6eyIkaWQiOiIxNTIiLCJIZWFkZXJTdHlsZSI6eyIkaWQiOiIxNTMiLCJUZXh0U3R5bGUiOnsiJGlkIjoiMTU0IiwiRm9udFNldHRpbmdzIjp7IiRpZCI6IjE1NSIsIkZvbnRTaXplIjoxMiwiRm9udE5hbWUiOiJDYWxpYnJpIiwiSXNCb2xkIjpmYWxzZSwiSXNJdGFsaWMiOmZhbHNlLCJJc1VuZGVybGluZWQiOmZhbHNlLCJQYXJlbnRTdHlsZSI6bnVsbH0sIkF1dG9TaXplIjowLCJGb3JlZ3JvdW5kIjp7IiRpZCI6IjE1NiIsIkNvbG9yIjp7IiRpZCI6IjE1Ny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7IiRyZWYiOiI4NyJ9LCJJc1Zpc2libGUiOnRydWUsIldpZHRoIjowLjAsIkhlaWdodCI6MC4wLCJCb3JkZXJTdHlsZSI6eyIkaWQiOiIyMTEiLCJMaW5lQ29sb3IiOm51bGwsIkxpbmVXZWlnaHQiOjAuMCwiTGluZVR5cGUiOjAsIlBhcmVudFN0eWxlIjpudWxsfSwiUGFyZW50U3R5bGUiOm51bGx9LCJEYXRlRm9ybWF0Ijp7IiRpZCI6IjIx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yZWYiOiI4NyJ9LCJJc1Zpc2libGUiOnRydWUsIldpZHRoIjowLjAsIkhlaWdodCI6MC4wLCJCb3JkZXJTdHlsZSI6eyIkaWQiOiIyNDAiLCJMaW5lQ29sb3IiOm51bGwsIkxpbmVXZWlnaHQiOjAuMCwiTGluZVR5cGUiOjAsIlBhcmVudFN0eWxlIjpudWxsfSwiUGFyZW50U3R5bGUiOm51bGx9LCJEYXRlRm9ybWF0Ijp7IiRpZCI6IjI0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yODgiLCJUb3AiOjAuMCwiTGVmdCI6MC4wLCJSaWdodCI6MC4wLCJCb3R0b20iOjAuMH0sIlBhZGRpbmciOnsiJGlkIjoiMjg5IiwiVG9wIjowLjAsIkxlZnQiOjAuMCwiUmlnaHQiOjAuMCwiQm90dG9tIjowLjB9LCJCYWNrZ3JvdW5kIjp7IiRpZCI6IjI5MCIsIkNvbG9yIjp7IiRyZWYiOiIyNTIifX0sIklzVmlzaWJsZSI6dHJ1ZSwiV2lkdGgiOjAuMCwiSGVpZ2h0IjowLjAsIkJvcmRlclN0eWxlIjp7IiRpZCI6IjI5MSIsIkxpbmVDb2xvciI6bnVsbCwiTGluZVdlaWdodCI6MC4wLCJMaW5lVHlwZSI6MCwiUGFyZW50U3R5bGUiOm51bGx9LCJQYXJlbnRTdHlsZSI6bnVsbH0sIkRhdGVGb3JtYXQiOnsiJGlkIjoiMjk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MyMCIsIk1hcmdpbiI6eyIkaWQiOiIzMjEiLCJUb3AiOjAuMCwiTGVmdCI6NC4wLCJSaWdodCI6NC4wLCJCb3R0b20iOjAuMH0sIlBhZGRpbmciOnsiJGlkIjoiMzIyIiwiVG9wIjowLjAsIkxlZnQiOjAuMCwiUmlnaHQiOjAuMCwiQm90dG9tIjowLjB9LCJCYWNrZ3JvdW5kIjp7IiRpZCI6IjMyMyIsIkNvbG9yIjp7IiRpZCI6IjMyNCIsIkEiOjI1NSwiUiI6MCwiRyI6MTc1LCJCIjoyNDJ9fSwiSXNWaXNpYmxlIjp0cnVlLCJXaWR0aCI6MC4wLCJIZWlnaHQiOjE2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bnVsbH0sIlRpdGxlU3R5bGUiOnsiJGlkIjoiMzI4IiwiRm9udFNldHRpbmdzIjp7IiRpZCI6IjMyOSIsIkZvbnRTaXplIjoxMCwiRm9udE5hbWUiOiJBcmlhbCIsIklzQm9sZCI6dHJ1ZSwiSXNJdGFsaWMiOmZhbHNlLCJJc1VuZGVybGluZWQiOmZhbHNlLCJQYXJlbnRTdHlsZSI6bnVsbH0sIkF1dG9TaXplIjowLCJGb3JlZ3JvdW5kIjp7IiRpZCI6IjMzMCIsIkNvbG9yIjp7IiRpZCI6IjMz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yZWYiOiIzMDQifX0sIklzVmlzaWJsZSI6dHJ1ZSwiV2lkdGgiOjAuMCwiSGVpZ2h0IjowLjAsIkJvcmRlclN0eWxlIjp7IiRpZCI6IjM0MyIsIkxpbmVDb2xvciI6bnVsbCwiTGluZVdlaWdodCI6MC4wLCJMaW5lVHlwZSI6MCwiUGFyZW50U3R5bGUiOm51bGx9LCJQYXJlbnRTdHlsZSI6bnVsbH0sIkRhdGVGb3JtYXQiOnsiJGlkIjoiMzQ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2MTgiLCJUb3AiOjAuMCwiTGVmdCI6MC4wLCJSaWdodCI6MC4wLCJCb3R0b20iOjAuMH0sIlBhZGRpbmciOnsiJGlkIjoiNjE5IiwiVG9wIjowLjAsIkxlZnQiOjAuMCwiUmlnaHQiOjAuMCwiQm90dG9tIjowLjB9LCJCYWNrZ3JvdW5kIjp7IiRpZCI6IjYyMCIsIkNvbG9yIjp7IiRyZWYiOiI1ODIifX0sIklzVmlzaWJsZSI6dHJ1ZSwiV2lkdGgiOjAuMCwiSGVpZ2h0IjowLjAsIkJvcmRlclN0eWxlIjp7IiRpZCI6IjYyMSIsIkxpbmVDb2xvciI6bnVsbCwiTGluZVdlaWdodCI6MC4wLCJMaW5lVHlwZSI6MCwiUGFyZW50U3R5bGUiOm51bGx9LCJQYXJlbnRTdHlsZSI6bnVsbH0sIkRhdGVGb3JtYXQiOnsiJGlkIjoiNjI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yZWYiOiIxMzMifSwiSXNWaXNpYmxlIjp0cnVlLCJXaWR0aCI6MC4wLCJIZWlnaHQiOjAuMCwiQm9yZGVyU3R5bGUiOnsiJGlkIjoiNjYwIiwiTGluZUNvbG9yIjpudWxsLCJMaW5lV2VpZ2h0IjowLjAsIkxpbmVUeXBlIjowLCJQYXJlbnRTdHlsZSI6bnVsbH0sIlBhcmVudFN0eWxlIjpudWxsfSwiRGF0ZUZvcm1hdCI6eyIkaWQiOiI2NjE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4MyIsIlVzZVRpbWUiOmZhbHNlLCJXb3JrRGF5U3RhcnQiOiIwMDowMDowMCIsIldvcmtEYXlFbmQiOiIyMzo1OTowMCJ9LCJMYXN0VXNlZFRlbXBsYXRlSWQiOiI2Y2YyOWU1YS1jMDhhLTRhYWEtOTVhNC1hMGZhZjJiZTY3Yzk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Presenta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6-04T23:59:00.0000000"/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2-08-09T23:59:00.0000000"/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2-08-30T23:59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4-05T00:00:00.0000000Z"/>
  <p:tag name="OTLENDDATE" val="2022-05-30T23:59:00.0000000Z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4-05T00:00:00.0000000Z"/>
  <p:tag name="OTLENDDATE" val="2022-04-30T23:59:00.0000000Z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5-02T00:00:00.0000000Z"/>
  <p:tag name="OTLENDDATE" val="2022-05-30T23:59:00.0000000Z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6-01T00:00:00.0000000Z"/>
  <p:tag name="OTLENDDATE" val="2022-06-28T23:59:00.0000000Z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6-01T00:00:00.0000000Z"/>
  <p:tag name="OTLENDDATE" val="2022-06-12T23:59:00.0000000Z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6-30T00:00:00.0000000Z"/>
  <p:tag name="OTLENDDATE" val="2022-07-20T23:59:00.0000000Z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6-30T00:00:00.0000000Z"/>
  <p:tag name="OTLENDDATE" val="2022-07-20T23:59:00.0000000Z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7-22T00:00:00.0000000Z"/>
  <p:tag name="OTLENDDATE" val="2022-08-30T23:59:00.0000000Z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7-22T00:00:00.0000000Z"/>
  <p:tag name="OTLENDDATE" val="2022-08-08T23:59:00.0000000Z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8-10T00:00:00.0000000Z"/>
  <p:tag name="OTLENDDATE" val="2022-08-30T23:59:00.0000000Z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</TotalTime>
  <Words>226</Words>
  <Application>Microsoft Office PowerPoint</Application>
  <PresentationFormat>Widescreen</PresentationFormat>
  <Paragraphs>6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cp:lastModifiedBy>Andreea Alexandrov</cp:lastModifiedBy>
  <cp:revision>1</cp:revision>
  <dcterms:created xsi:type="dcterms:W3CDTF">2020-12-03T15:38:11Z</dcterms:created>
  <dcterms:modified xsi:type="dcterms:W3CDTF">2022-06-23T12:36:50Z</dcterms:modified>
</cp:coreProperties>
</file>